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82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3\_ZamowieniaPubliczne\PRZETARGI\STASIA MASŁOWSKA\2026\pon. 170 tys.zł\62.Rejestr czasu pracy\"/>
    </mc:Choice>
  </mc:AlternateContent>
  <xr:revisionPtr revIDLastSave="0" documentId="8_{E678277D-C0DC-49A9-8F68-006E9CD59D38}" xr6:coauthVersionLast="47" xr6:coauthVersionMax="47" xr10:uidLastSave="{00000000-0000-0000-0000-000000000000}"/>
  <bookViews>
    <workbookView xWindow="28680" yWindow="-120" windowWidth="29040" windowHeight="15720" xr2:uid="{96584253-DD49-49BB-A34F-9DD73C75DAA9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2"/>
    </ext>
  </extLst>
</workbook>
</file>

<file path=xl/sharedStrings.xml><?xml version="1.0" encoding="utf-8"?>
<sst xmlns="http://schemas.openxmlformats.org/spreadsheetml/2006/main" count="566" uniqueCount="94">
  <si>
    <t>Podgrupa</t>
  </si>
  <si>
    <t>Nr wew.</t>
  </si>
  <si>
    <t>Numer ewidencyjny</t>
  </si>
  <si>
    <t>Nazwisko i imię</t>
  </si>
  <si>
    <t>Status</t>
  </si>
  <si>
    <t>Nr kol.</t>
  </si>
  <si>
    <t>01.04     Ś</t>
  </si>
  <si>
    <t>02.04     C</t>
  </si>
  <si>
    <t>03.04     P</t>
  </si>
  <si>
    <t>04.04     S</t>
  </si>
  <si>
    <t>05.04     N</t>
  </si>
  <si>
    <t>06.04     P</t>
  </si>
  <si>
    <t>07.04     W</t>
  </si>
  <si>
    <t>08.04     Ś</t>
  </si>
  <si>
    <t>09.04     C</t>
  </si>
  <si>
    <t>10.04     P</t>
  </si>
  <si>
    <t>11.04     S</t>
  </si>
  <si>
    <t>12.04     N</t>
  </si>
  <si>
    <t>13.04     P</t>
  </si>
  <si>
    <t>14.04     W</t>
  </si>
  <si>
    <t>15.04     Ś</t>
  </si>
  <si>
    <t>16.04     C</t>
  </si>
  <si>
    <t>17.04     P</t>
  </si>
  <si>
    <t>18.04     S</t>
  </si>
  <si>
    <t>19.04     N</t>
  </si>
  <si>
    <t>20.04     P</t>
  </si>
  <si>
    <t>21.04     W</t>
  </si>
  <si>
    <t>22.04     Ś</t>
  </si>
  <si>
    <t>23.04     C</t>
  </si>
  <si>
    <t>24.04     P</t>
  </si>
  <si>
    <t>25.04     S</t>
  </si>
  <si>
    <t>26.04     N</t>
  </si>
  <si>
    <t>27.04     P</t>
  </si>
  <si>
    <t>28.04     W</t>
  </si>
  <si>
    <t>29.04     Ś</t>
  </si>
  <si>
    <t>30.04     C</t>
  </si>
  <si>
    <t>Godz. nieobecności</t>
  </si>
  <si>
    <t>Norma czasu pracy</t>
  </si>
  <si>
    <t>Godziny z  przeniesienia</t>
  </si>
  <si>
    <t>Godziny planowane</t>
  </si>
  <si>
    <t>Godziny dopełnienia</t>
  </si>
  <si>
    <t>Godz. wypracowane</t>
  </si>
  <si>
    <t>Godz. nocne</t>
  </si>
  <si>
    <t>Godz. świąteczne</t>
  </si>
  <si>
    <t>Godz. zwykłe</t>
  </si>
  <si>
    <t>Godz.dod. dzień wolny</t>
  </si>
  <si>
    <t>Godz. inne 1</t>
  </si>
  <si>
    <t>Godz. inne 2</t>
  </si>
  <si>
    <t>Godz. inne 3</t>
  </si>
  <si>
    <t>Godz. nadl.50%</t>
  </si>
  <si>
    <t>Godz. nadl.100%</t>
  </si>
  <si>
    <t>Godz. nadl.do wyb.</t>
  </si>
  <si>
    <t>Godziny do  przeniesienia</t>
  </si>
  <si>
    <t>Ilość dni w pracy</t>
  </si>
  <si>
    <t>Obowiązuje od</t>
  </si>
  <si>
    <t>Obowiązuje do</t>
  </si>
  <si>
    <t>PO</t>
  </si>
  <si>
    <t xml:space="preserve">   1</t>
  </si>
  <si>
    <t>000395/016</t>
  </si>
  <si>
    <t>FN</t>
  </si>
  <si>
    <t>R</t>
  </si>
  <si>
    <t/>
  </si>
  <si>
    <t xml:space="preserve">   0:00:00</t>
  </si>
  <si>
    <t xml:space="preserve"> 159:15:00</t>
  </si>
  <si>
    <t>PZ</t>
  </si>
  <si>
    <t xml:space="preserve">   2</t>
  </si>
  <si>
    <t>004637/002</t>
  </si>
  <si>
    <t>N</t>
  </si>
  <si>
    <t>D</t>
  </si>
  <si>
    <t>R1</t>
  </si>
  <si>
    <t xml:space="preserve">  40:00:00</t>
  </si>
  <si>
    <t xml:space="preserve">  28:00:00</t>
  </si>
  <si>
    <t xml:space="preserve">  91:15:00</t>
  </si>
  <si>
    <t xml:space="preserve">  48:00:00</t>
  </si>
  <si>
    <t xml:space="preserve">  83:15:00</t>
  </si>
  <si>
    <t>P</t>
  </si>
  <si>
    <t xml:space="preserve">   3</t>
  </si>
  <si>
    <t>000392/001</t>
  </si>
  <si>
    <t>R30</t>
  </si>
  <si>
    <t xml:space="preserve">  32:00:00</t>
  </si>
  <si>
    <t xml:space="preserve">  79:15:00</t>
  </si>
  <si>
    <t xml:space="preserve">   4</t>
  </si>
  <si>
    <t>003836/002</t>
  </si>
  <si>
    <t xml:space="preserve">  56:00:00</t>
  </si>
  <si>
    <t xml:space="preserve">  20:00:00</t>
  </si>
  <si>
    <t xml:space="preserve">   3:10:00</t>
  </si>
  <si>
    <t xml:space="preserve">  64:00:00</t>
  </si>
  <si>
    <t xml:space="preserve">  75:15:00</t>
  </si>
  <si>
    <t xml:space="preserve">  15:10:00</t>
  </si>
  <si>
    <t xml:space="preserve">   5</t>
  </si>
  <si>
    <t>004461/002</t>
  </si>
  <si>
    <t xml:space="preserve">  24:00:00</t>
  </si>
  <si>
    <t xml:space="preserve">  87:15:00</t>
  </si>
  <si>
    <t xml:space="preserve">  95:15: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0"/>
  </numFmts>
  <fonts count="2" x14ac:knownFonts="1">
    <font>
      <sz val="11"/>
      <color theme="1"/>
      <name val="Aptos Narrow"/>
      <family val="2"/>
      <charset val="238"/>
      <scheme val="minor"/>
    </font>
    <font>
      <b/>
      <sz val="11"/>
      <color rgb="FF000000"/>
      <name val="Aptos Narrow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0" fontId="1" fillId="0" borderId="0" xfId="0" applyFont="1" applyAlignment="1">
      <alignment horizontal="center"/>
    </xf>
    <xf numFmtId="49" fontId="0" fillId="0" borderId="0" xfId="0" applyNumberFormat="1"/>
    <xf numFmtId="164" fontId="0" fillId="0" borderId="0" xfId="0" applyNumberFormat="1" applyAlignment="1">
      <alignment horizontal="right"/>
    </xf>
    <xf numFmtId="14" fontId="0" fillId="0" borderId="0" xfId="0" applyNumberFormat="1" applyAlignment="1">
      <alignment horizontal="right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Pakiet 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65E712-902B-4B72-B0CD-9E0AE2BACC0D}">
  <dimension ref="A1:BE28"/>
  <sheetViews>
    <sheetView tabSelected="1" workbookViewId="0">
      <selection activeCell="AK22" sqref="AK22"/>
    </sheetView>
  </sheetViews>
  <sheetFormatPr defaultRowHeight="15" x14ac:dyDescent="0.25"/>
  <cols>
    <col min="1" max="1" width="9.42578125" bestFit="1" customWidth="1"/>
    <col min="2" max="2" width="8.140625" bestFit="1" customWidth="1"/>
    <col min="3" max="3" width="19.140625" bestFit="1" customWidth="1"/>
    <col min="4" max="4" width="26.28515625" bestFit="1" customWidth="1"/>
    <col min="5" max="5" width="6.7109375" bestFit="1" customWidth="1"/>
    <col min="6" max="6" width="6.85546875" bestFit="1" customWidth="1"/>
    <col min="7" max="7" width="8.85546875" bestFit="1" customWidth="1"/>
    <col min="9" max="10" width="8.85546875" bestFit="1" customWidth="1"/>
    <col min="12" max="12" width="8.85546875" bestFit="1" customWidth="1"/>
    <col min="13" max="13" width="9.5703125" bestFit="1" customWidth="1"/>
    <col min="14" max="14" width="8.85546875" bestFit="1" customWidth="1"/>
    <col min="16" max="17" width="8.85546875" bestFit="1" customWidth="1"/>
    <col min="19" max="19" width="8.85546875" bestFit="1" customWidth="1"/>
    <col min="20" max="20" width="9.5703125" bestFit="1" customWidth="1"/>
    <col min="21" max="21" width="8.85546875" bestFit="1" customWidth="1"/>
    <col min="23" max="24" width="8.85546875" bestFit="1" customWidth="1"/>
    <col min="26" max="26" width="8.85546875" bestFit="1" customWidth="1"/>
    <col min="27" max="27" width="9.5703125" bestFit="1" customWidth="1"/>
    <col min="28" max="28" width="8.85546875" bestFit="1" customWidth="1"/>
    <col min="30" max="31" width="8.85546875" bestFit="1" customWidth="1"/>
    <col min="33" max="33" width="8.85546875" bestFit="1" customWidth="1"/>
    <col min="34" max="34" width="9.5703125" bestFit="1" customWidth="1"/>
    <col min="35" max="35" width="8.85546875" bestFit="1" customWidth="1"/>
    <col min="37" max="37" width="19" bestFit="1" customWidth="1"/>
    <col min="38" max="38" width="18" bestFit="1" customWidth="1"/>
    <col min="39" max="39" width="23" bestFit="1" customWidth="1"/>
    <col min="40" max="40" width="18.7109375" bestFit="1" customWidth="1"/>
    <col min="41" max="41" width="19.7109375" bestFit="1" customWidth="1"/>
    <col min="42" max="42" width="19" bestFit="1" customWidth="1"/>
    <col min="43" max="43" width="12.140625" bestFit="1" customWidth="1"/>
    <col min="44" max="44" width="16.7109375" bestFit="1" customWidth="1"/>
    <col min="45" max="45" width="12.5703125" bestFit="1" customWidth="1"/>
    <col min="46" max="46" width="21.5703125" bestFit="1" customWidth="1"/>
    <col min="47" max="49" width="12" bestFit="1" customWidth="1"/>
    <col min="50" max="50" width="14.7109375" bestFit="1" customWidth="1"/>
    <col min="51" max="51" width="15.7109375" bestFit="1" customWidth="1"/>
    <col min="52" max="52" width="18.140625" bestFit="1" customWidth="1"/>
    <col min="53" max="53" width="24.42578125" bestFit="1" customWidth="1"/>
    <col min="54" max="54" width="15.85546875" bestFit="1" customWidth="1"/>
    <col min="55" max="56" width="14.28515625" bestFit="1" customWidth="1"/>
  </cols>
  <sheetData>
    <row r="1" spans="1:57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  <c r="Z1" s="1" t="s">
        <v>25</v>
      </c>
      <c r="AA1" s="1" t="s">
        <v>26</v>
      </c>
      <c r="AB1" s="1" t="s">
        <v>27</v>
      </c>
      <c r="AC1" s="1" t="s">
        <v>28</v>
      </c>
      <c r="AD1" s="1" t="s">
        <v>29</v>
      </c>
      <c r="AE1" s="1" t="s">
        <v>30</v>
      </c>
      <c r="AF1" s="1" t="s">
        <v>31</v>
      </c>
      <c r="AG1" s="1" t="s">
        <v>32</v>
      </c>
      <c r="AH1" s="1" t="s">
        <v>33</v>
      </c>
      <c r="AI1" s="1" t="s">
        <v>34</v>
      </c>
      <c r="AJ1" s="1" t="s">
        <v>35</v>
      </c>
      <c r="AK1" s="1" t="s">
        <v>36</v>
      </c>
      <c r="AL1" s="1" t="s">
        <v>37</v>
      </c>
      <c r="AM1" s="1" t="s">
        <v>38</v>
      </c>
      <c r="AN1" s="1" t="s">
        <v>39</v>
      </c>
      <c r="AO1" s="1" t="s">
        <v>40</v>
      </c>
      <c r="AP1" s="1" t="s">
        <v>41</v>
      </c>
      <c r="AQ1" s="1" t="s">
        <v>42</v>
      </c>
      <c r="AR1" s="1" t="s">
        <v>43</v>
      </c>
      <c r="AS1" s="1" t="s">
        <v>44</v>
      </c>
      <c r="AT1" s="1" t="s">
        <v>45</v>
      </c>
      <c r="AU1" s="1" t="s">
        <v>46</v>
      </c>
      <c r="AV1" s="1" t="s">
        <v>47</v>
      </c>
      <c r="AW1" s="1" t="s">
        <v>48</v>
      </c>
      <c r="AX1" s="1" t="s">
        <v>49</v>
      </c>
      <c r="AY1" s="1" t="s">
        <v>50</v>
      </c>
      <c r="AZ1" s="1" t="s">
        <v>51</v>
      </c>
      <c r="BA1" s="1" t="s">
        <v>52</v>
      </c>
      <c r="BB1" s="1" t="s">
        <v>53</v>
      </c>
      <c r="BC1" s="1" t="s">
        <v>54</v>
      </c>
      <c r="BD1" s="1" t="s">
        <v>55</v>
      </c>
      <c r="BE1" s="1"/>
    </row>
    <row r="2" spans="1:57" x14ac:dyDescent="0.25">
      <c r="A2" s="2" t="s">
        <v>56</v>
      </c>
      <c r="B2" s="2" t="s">
        <v>57</v>
      </c>
      <c r="C2" s="2" t="s">
        <v>58</v>
      </c>
      <c r="D2" s="2"/>
      <c r="E2" s="2" t="s">
        <v>59</v>
      </c>
      <c r="F2" s="3">
        <v>1</v>
      </c>
      <c r="G2" s="2" t="s">
        <v>60</v>
      </c>
      <c r="H2" s="2" t="s">
        <v>60</v>
      </c>
      <c r="I2" s="2" t="s">
        <v>60</v>
      </c>
      <c r="J2" s="2" t="s">
        <v>61</v>
      </c>
      <c r="K2" s="2" t="s">
        <v>61</v>
      </c>
      <c r="L2" s="2" t="s">
        <v>61</v>
      </c>
      <c r="M2" s="2" t="s">
        <v>60</v>
      </c>
      <c r="N2" s="2" t="s">
        <v>60</v>
      </c>
      <c r="O2" s="2" t="s">
        <v>60</v>
      </c>
      <c r="P2" s="2" t="s">
        <v>60</v>
      </c>
      <c r="Q2" s="2" t="s">
        <v>61</v>
      </c>
      <c r="R2" s="2" t="s">
        <v>61</v>
      </c>
      <c r="S2" s="2" t="s">
        <v>60</v>
      </c>
      <c r="T2" s="2" t="s">
        <v>60</v>
      </c>
      <c r="U2" s="2" t="s">
        <v>60</v>
      </c>
      <c r="V2" s="2" t="s">
        <v>60</v>
      </c>
      <c r="W2" s="2" t="s">
        <v>60</v>
      </c>
      <c r="X2" s="2" t="s">
        <v>61</v>
      </c>
      <c r="Y2" s="2" t="s">
        <v>61</v>
      </c>
      <c r="Z2" s="2" t="s">
        <v>60</v>
      </c>
      <c r="AA2" s="2" t="s">
        <v>60</v>
      </c>
      <c r="AB2" s="2" t="s">
        <v>60</v>
      </c>
      <c r="AC2" s="2" t="s">
        <v>60</v>
      </c>
      <c r="AD2" s="2" t="s">
        <v>60</v>
      </c>
      <c r="AE2" s="2" t="s">
        <v>61</v>
      </c>
      <c r="AF2" s="2" t="s">
        <v>61</v>
      </c>
      <c r="AG2" s="2" t="s">
        <v>60</v>
      </c>
      <c r="AH2" s="2" t="s">
        <v>60</v>
      </c>
      <c r="AI2" s="2" t="s">
        <v>60</v>
      </c>
      <c r="AJ2" s="2" t="s">
        <v>60</v>
      </c>
      <c r="AK2" s="2" t="s">
        <v>62</v>
      </c>
      <c r="AL2" s="2" t="s">
        <v>63</v>
      </c>
      <c r="AM2" s="2" t="s">
        <v>62</v>
      </c>
      <c r="AN2" s="2" t="s">
        <v>63</v>
      </c>
      <c r="AO2" s="2" t="s">
        <v>62</v>
      </c>
      <c r="AP2" s="2" t="s">
        <v>63</v>
      </c>
      <c r="AQ2" s="2" t="s">
        <v>62</v>
      </c>
      <c r="AR2" s="2" t="s">
        <v>62</v>
      </c>
      <c r="AS2" s="2" t="s">
        <v>63</v>
      </c>
      <c r="AT2" s="2" t="s">
        <v>62</v>
      </c>
      <c r="AU2" s="2" t="s">
        <v>62</v>
      </c>
      <c r="AV2" s="2" t="s">
        <v>62</v>
      </c>
      <c r="AW2" s="2" t="s">
        <v>62</v>
      </c>
      <c r="AX2" s="2" t="s">
        <v>62</v>
      </c>
      <c r="AY2" s="2" t="s">
        <v>62</v>
      </c>
      <c r="AZ2" s="2" t="s">
        <v>62</v>
      </c>
      <c r="BA2" s="2" t="s">
        <v>62</v>
      </c>
      <c r="BB2" s="3">
        <v>21</v>
      </c>
      <c r="BC2" s="4">
        <v>45383</v>
      </c>
      <c r="BD2" s="4"/>
    </row>
    <row r="3" spans="1:57" x14ac:dyDescent="0.25">
      <c r="A3" s="2" t="s">
        <v>56</v>
      </c>
      <c r="B3" s="2" t="s">
        <v>57</v>
      </c>
      <c r="C3" s="2" t="s">
        <v>58</v>
      </c>
      <c r="D3" s="2"/>
      <c r="E3" s="2" t="s">
        <v>64</v>
      </c>
      <c r="F3" s="3">
        <v>1</v>
      </c>
      <c r="G3" s="2" t="s">
        <v>60</v>
      </c>
      <c r="H3" s="2" t="s">
        <v>60</v>
      </c>
      <c r="I3" s="2" t="s">
        <v>60</v>
      </c>
      <c r="J3" s="2" t="s">
        <v>61</v>
      </c>
      <c r="K3" s="2" t="s">
        <v>61</v>
      </c>
      <c r="L3" s="2" t="s">
        <v>61</v>
      </c>
      <c r="M3" s="2" t="s">
        <v>60</v>
      </c>
      <c r="N3" s="2" t="s">
        <v>60</v>
      </c>
      <c r="O3" s="2" t="s">
        <v>60</v>
      </c>
      <c r="P3" s="2" t="s">
        <v>60</v>
      </c>
      <c r="Q3" s="2" t="s">
        <v>61</v>
      </c>
      <c r="R3" s="2" t="s">
        <v>61</v>
      </c>
      <c r="S3" s="2" t="s">
        <v>60</v>
      </c>
      <c r="T3" s="2" t="s">
        <v>60</v>
      </c>
      <c r="U3" s="2" t="s">
        <v>60</v>
      </c>
      <c r="V3" s="2" t="s">
        <v>60</v>
      </c>
      <c r="W3" s="2" t="s">
        <v>60</v>
      </c>
      <c r="X3" s="2" t="s">
        <v>61</v>
      </c>
      <c r="Y3" s="2" t="s">
        <v>61</v>
      </c>
      <c r="Z3" s="2" t="s">
        <v>60</v>
      </c>
      <c r="AA3" s="2" t="s">
        <v>60</v>
      </c>
      <c r="AB3" s="2" t="s">
        <v>60</v>
      </c>
      <c r="AC3" s="2" t="s">
        <v>60</v>
      </c>
      <c r="AD3" s="2" t="s">
        <v>60</v>
      </c>
      <c r="AE3" s="2" t="s">
        <v>61</v>
      </c>
      <c r="AF3" s="2" t="s">
        <v>61</v>
      </c>
      <c r="AG3" s="2" t="s">
        <v>60</v>
      </c>
      <c r="AH3" s="2" t="s">
        <v>60</v>
      </c>
      <c r="AI3" s="2" t="s">
        <v>60</v>
      </c>
      <c r="AJ3" s="2" t="s">
        <v>60</v>
      </c>
      <c r="AK3" s="2" t="s">
        <v>62</v>
      </c>
      <c r="AL3" s="2" t="s">
        <v>63</v>
      </c>
      <c r="AM3" s="2" t="s">
        <v>62</v>
      </c>
      <c r="AN3" s="2" t="s">
        <v>63</v>
      </c>
      <c r="AO3" s="2" t="s">
        <v>62</v>
      </c>
      <c r="AP3" s="2" t="s">
        <v>63</v>
      </c>
      <c r="AQ3" s="2" t="s">
        <v>62</v>
      </c>
      <c r="AR3" s="2" t="s">
        <v>62</v>
      </c>
      <c r="AS3" s="2" t="s">
        <v>63</v>
      </c>
      <c r="AT3" s="2" t="s">
        <v>62</v>
      </c>
      <c r="AU3" s="2" t="s">
        <v>62</v>
      </c>
      <c r="AV3" s="2" t="s">
        <v>62</v>
      </c>
      <c r="AW3" s="2" t="s">
        <v>62</v>
      </c>
      <c r="AX3" s="2" t="s">
        <v>62</v>
      </c>
      <c r="AY3" s="2" t="s">
        <v>62</v>
      </c>
      <c r="AZ3" s="2" t="s">
        <v>62</v>
      </c>
      <c r="BA3" s="2" t="s">
        <v>62</v>
      </c>
      <c r="BB3" s="3">
        <v>21</v>
      </c>
      <c r="BC3" s="4">
        <v>45383</v>
      </c>
      <c r="BD3" s="4"/>
    </row>
    <row r="4" spans="1:57" x14ac:dyDescent="0.25">
      <c r="A4" s="2" t="s">
        <v>61</v>
      </c>
      <c r="B4" s="2" t="s">
        <v>65</v>
      </c>
      <c r="C4" s="2" t="s">
        <v>66</v>
      </c>
      <c r="D4" s="2"/>
      <c r="E4" s="2" t="s">
        <v>59</v>
      </c>
      <c r="F4" s="3">
        <v>1</v>
      </c>
      <c r="G4" s="2" t="s">
        <v>67</v>
      </c>
      <c r="H4" s="2" t="s">
        <v>61</v>
      </c>
      <c r="I4" s="2" t="s">
        <v>68</v>
      </c>
      <c r="J4" s="2" t="s">
        <v>61</v>
      </c>
      <c r="K4" s="2" t="s">
        <v>68</v>
      </c>
      <c r="L4" s="2" t="s">
        <v>68</v>
      </c>
      <c r="M4" s="2" t="s">
        <v>61</v>
      </c>
      <c r="N4" s="2" t="s">
        <v>61</v>
      </c>
      <c r="O4" s="2" t="s">
        <v>68</v>
      </c>
      <c r="P4" s="2" t="s">
        <v>67</v>
      </c>
      <c r="Q4" s="2" t="s">
        <v>61</v>
      </c>
      <c r="R4" s="2" t="s">
        <v>61</v>
      </c>
      <c r="S4" s="2" t="s">
        <v>68</v>
      </c>
      <c r="T4" s="2" t="s">
        <v>67</v>
      </c>
      <c r="U4" s="2" t="s">
        <v>61</v>
      </c>
      <c r="V4" s="2" t="s">
        <v>61</v>
      </c>
      <c r="W4" s="2" t="s">
        <v>68</v>
      </c>
      <c r="X4" s="2" t="s">
        <v>67</v>
      </c>
      <c r="Y4" s="2" t="s">
        <v>61</v>
      </c>
      <c r="Z4" s="2" t="s">
        <v>69</v>
      </c>
      <c r="AA4" s="2" t="s">
        <v>61</v>
      </c>
      <c r="AB4" s="2" t="s">
        <v>68</v>
      </c>
      <c r="AC4" s="2" t="s">
        <v>67</v>
      </c>
      <c r="AD4" s="2" t="s">
        <v>61</v>
      </c>
      <c r="AE4" s="2" t="s">
        <v>61</v>
      </c>
      <c r="AF4" s="2" t="s">
        <v>61</v>
      </c>
      <c r="AG4" s="2" t="s">
        <v>61</v>
      </c>
      <c r="AH4" s="2" t="s">
        <v>68</v>
      </c>
      <c r="AI4" s="2" t="s">
        <v>61</v>
      </c>
      <c r="AJ4" s="2" t="s">
        <v>61</v>
      </c>
      <c r="AK4" s="2" t="s">
        <v>62</v>
      </c>
      <c r="AL4" s="2" t="s">
        <v>63</v>
      </c>
      <c r="AM4" s="2" t="s">
        <v>62</v>
      </c>
      <c r="AN4" s="2" t="s">
        <v>63</v>
      </c>
      <c r="AO4" s="2" t="s">
        <v>62</v>
      </c>
      <c r="AP4" s="2" t="s">
        <v>63</v>
      </c>
      <c r="AQ4" s="2" t="s">
        <v>70</v>
      </c>
      <c r="AR4" s="2" t="s">
        <v>71</v>
      </c>
      <c r="AS4" s="2" t="s">
        <v>72</v>
      </c>
      <c r="AT4" s="2" t="s">
        <v>62</v>
      </c>
      <c r="AU4" s="2" t="s">
        <v>62</v>
      </c>
      <c r="AV4" s="2" t="s">
        <v>62</v>
      </c>
      <c r="AW4" s="2" t="s">
        <v>62</v>
      </c>
      <c r="AX4" s="2" t="s">
        <v>62</v>
      </c>
      <c r="AY4" s="2" t="s">
        <v>62</v>
      </c>
      <c r="AZ4" s="2" t="s">
        <v>62</v>
      </c>
      <c r="BA4" s="2" t="s">
        <v>62</v>
      </c>
      <c r="BB4" s="3">
        <v>21</v>
      </c>
      <c r="BC4" s="4">
        <v>45658</v>
      </c>
      <c r="BD4" s="4"/>
    </row>
    <row r="5" spans="1:57" x14ac:dyDescent="0.25">
      <c r="A5" s="2" t="s">
        <v>61</v>
      </c>
      <c r="B5" s="2" t="s">
        <v>65</v>
      </c>
      <c r="C5" s="2" t="s">
        <v>66</v>
      </c>
      <c r="D5" s="2"/>
      <c r="E5" s="2" t="s">
        <v>64</v>
      </c>
      <c r="F5" s="3">
        <v>1</v>
      </c>
      <c r="G5" s="2" t="s">
        <v>67</v>
      </c>
      <c r="H5" s="2" t="s">
        <v>61</v>
      </c>
      <c r="I5" s="2" t="s">
        <v>67</v>
      </c>
      <c r="J5" s="2" t="s">
        <v>61</v>
      </c>
      <c r="K5" s="2" t="s">
        <v>68</v>
      </c>
      <c r="L5" s="2" t="s">
        <v>68</v>
      </c>
      <c r="M5" s="2" t="s">
        <v>61</v>
      </c>
      <c r="N5" s="2" t="s">
        <v>61</v>
      </c>
      <c r="O5" s="2" t="s">
        <v>68</v>
      </c>
      <c r="P5" s="2" t="s">
        <v>67</v>
      </c>
      <c r="Q5" s="2" t="s">
        <v>61</v>
      </c>
      <c r="R5" s="2" t="s">
        <v>61</v>
      </c>
      <c r="S5" s="2" t="s">
        <v>68</v>
      </c>
      <c r="T5" s="2" t="s">
        <v>67</v>
      </c>
      <c r="U5" s="2" t="s">
        <v>61</v>
      </c>
      <c r="V5" s="2" t="s">
        <v>61</v>
      </c>
      <c r="W5" s="2" t="s">
        <v>68</v>
      </c>
      <c r="X5" s="2" t="s">
        <v>67</v>
      </c>
      <c r="Y5" s="2" t="s">
        <v>61</v>
      </c>
      <c r="Z5" s="2" t="s">
        <v>69</v>
      </c>
      <c r="AA5" s="2" t="s">
        <v>61</v>
      </c>
      <c r="AB5" s="2" t="s">
        <v>68</v>
      </c>
      <c r="AC5" s="2" t="s">
        <v>67</v>
      </c>
      <c r="AD5" s="2" t="s">
        <v>61</v>
      </c>
      <c r="AE5" s="2" t="s">
        <v>61</v>
      </c>
      <c r="AF5" s="2" t="s">
        <v>61</v>
      </c>
      <c r="AG5" s="2" t="s">
        <v>61</v>
      </c>
      <c r="AH5" s="2" t="s">
        <v>68</v>
      </c>
      <c r="AI5" s="2" t="s">
        <v>61</v>
      </c>
      <c r="AJ5" s="2" t="s">
        <v>61</v>
      </c>
      <c r="AK5" s="2" t="s">
        <v>62</v>
      </c>
      <c r="AL5" s="2" t="s">
        <v>63</v>
      </c>
      <c r="AM5" s="2" t="s">
        <v>62</v>
      </c>
      <c r="AN5" s="2" t="s">
        <v>63</v>
      </c>
      <c r="AO5" s="2" t="s">
        <v>62</v>
      </c>
      <c r="AP5" s="2" t="s">
        <v>63</v>
      </c>
      <c r="AQ5" s="2" t="s">
        <v>73</v>
      </c>
      <c r="AR5" s="2" t="s">
        <v>71</v>
      </c>
      <c r="AS5" s="2" t="s">
        <v>74</v>
      </c>
      <c r="AT5" s="2" t="s">
        <v>62</v>
      </c>
      <c r="AU5" s="2" t="s">
        <v>62</v>
      </c>
      <c r="AV5" s="2" t="s">
        <v>62</v>
      </c>
      <c r="AW5" s="2" t="s">
        <v>62</v>
      </c>
      <c r="AX5" s="2" t="s">
        <v>62</v>
      </c>
      <c r="AY5" s="2" t="s">
        <v>62</v>
      </c>
      <c r="AZ5" s="2" t="s">
        <v>62</v>
      </c>
      <c r="BA5" s="2" t="s">
        <v>62</v>
      </c>
      <c r="BB5" s="3">
        <v>21</v>
      </c>
      <c r="BC5" s="4">
        <v>45658</v>
      </c>
      <c r="BD5" s="4"/>
    </row>
    <row r="6" spans="1:57" x14ac:dyDescent="0.25">
      <c r="A6" s="2" t="s">
        <v>75</v>
      </c>
      <c r="B6" s="2" t="s">
        <v>76</v>
      </c>
      <c r="C6" s="2" t="s">
        <v>77</v>
      </c>
      <c r="D6" s="2"/>
      <c r="E6" s="2" t="s">
        <v>59</v>
      </c>
      <c r="F6" s="3">
        <v>1</v>
      </c>
      <c r="G6" s="2" t="s">
        <v>61</v>
      </c>
      <c r="H6" s="2" t="s">
        <v>68</v>
      </c>
      <c r="I6" s="2" t="s">
        <v>61</v>
      </c>
      <c r="J6" s="2" t="s">
        <v>61</v>
      </c>
      <c r="K6" s="2" t="s">
        <v>67</v>
      </c>
      <c r="L6" s="2" t="s">
        <v>61</v>
      </c>
      <c r="M6" s="2" t="s">
        <v>69</v>
      </c>
      <c r="N6" s="2" t="s">
        <v>61</v>
      </c>
      <c r="O6" s="2" t="s">
        <v>67</v>
      </c>
      <c r="P6" s="2" t="s">
        <v>61</v>
      </c>
      <c r="Q6" s="2" t="s">
        <v>68</v>
      </c>
      <c r="R6" s="2" t="s">
        <v>68</v>
      </c>
      <c r="S6" s="2" t="s">
        <v>61</v>
      </c>
      <c r="T6" s="2" t="s">
        <v>68</v>
      </c>
      <c r="U6" s="2" t="s">
        <v>67</v>
      </c>
      <c r="V6" s="2" t="s">
        <v>61</v>
      </c>
      <c r="W6" s="2" t="s">
        <v>68</v>
      </c>
      <c r="X6" s="2" t="s">
        <v>61</v>
      </c>
      <c r="Y6" s="2" t="s">
        <v>61</v>
      </c>
      <c r="Z6" s="2" t="s">
        <v>61</v>
      </c>
      <c r="AA6" s="2" t="s">
        <v>68</v>
      </c>
      <c r="AB6" s="2" t="s">
        <v>67</v>
      </c>
      <c r="AC6" s="2" t="s">
        <v>61</v>
      </c>
      <c r="AD6" s="2" t="s">
        <v>67</v>
      </c>
      <c r="AE6" s="2" t="s">
        <v>61</v>
      </c>
      <c r="AF6" s="2" t="s">
        <v>67</v>
      </c>
      <c r="AG6" s="2" t="s">
        <v>61</v>
      </c>
      <c r="AH6" s="2" t="s">
        <v>78</v>
      </c>
      <c r="AI6" s="2" t="s">
        <v>61</v>
      </c>
      <c r="AJ6" s="2" t="s">
        <v>78</v>
      </c>
      <c r="AK6" s="2" t="s">
        <v>62</v>
      </c>
      <c r="AL6" s="2" t="s">
        <v>63</v>
      </c>
      <c r="AM6" s="2" t="s">
        <v>62</v>
      </c>
      <c r="AN6" s="2" t="s">
        <v>63</v>
      </c>
      <c r="AO6" s="2" t="s">
        <v>62</v>
      </c>
      <c r="AP6" s="2" t="s">
        <v>63</v>
      </c>
      <c r="AQ6" s="2" t="s">
        <v>73</v>
      </c>
      <c r="AR6" s="2" t="s">
        <v>79</v>
      </c>
      <c r="AS6" s="2" t="s">
        <v>80</v>
      </c>
      <c r="AT6" s="2" t="s">
        <v>62</v>
      </c>
      <c r="AU6" s="2" t="s">
        <v>62</v>
      </c>
      <c r="AV6" s="2" t="s">
        <v>62</v>
      </c>
      <c r="AW6" s="2" t="s">
        <v>62</v>
      </c>
      <c r="AX6" s="2" t="s">
        <v>62</v>
      </c>
      <c r="AY6" s="2" t="s">
        <v>62</v>
      </c>
      <c r="AZ6" s="2" t="s">
        <v>62</v>
      </c>
      <c r="BA6" s="2" t="s">
        <v>62</v>
      </c>
      <c r="BB6" s="3">
        <v>21</v>
      </c>
      <c r="BC6" s="4">
        <v>33420</v>
      </c>
      <c r="BD6" s="4"/>
    </row>
    <row r="7" spans="1:57" x14ac:dyDescent="0.25">
      <c r="A7" s="2" t="s">
        <v>75</v>
      </c>
      <c r="B7" s="2" t="s">
        <v>76</v>
      </c>
      <c r="C7" s="2" t="s">
        <v>77</v>
      </c>
      <c r="D7" s="2"/>
      <c r="E7" s="2" t="s">
        <v>64</v>
      </c>
      <c r="F7" s="3">
        <v>1</v>
      </c>
      <c r="G7" s="2" t="s">
        <v>61</v>
      </c>
      <c r="H7" s="2" t="s">
        <v>68</v>
      </c>
      <c r="I7" s="2" t="s">
        <v>61</v>
      </c>
      <c r="J7" s="2" t="s">
        <v>61</v>
      </c>
      <c r="K7" s="2" t="s">
        <v>67</v>
      </c>
      <c r="L7" s="2" t="s">
        <v>61</v>
      </c>
      <c r="M7" s="2" t="s">
        <v>69</v>
      </c>
      <c r="N7" s="2" t="s">
        <v>61</v>
      </c>
      <c r="O7" s="2" t="s">
        <v>67</v>
      </c>
      <c r="P7" s="2" t="s">
        <v>61</v>
      </c>
      <c r="Q7" s="2" t="s">
        <v>68</v>
      </c>
      <c r="R7" s="2" t="s">
        <v>68</v>
      </c>
      <c r="S7" s="2" t="s">
        <v>61</v>
      </c>
      <c r="T7" s="2" t="s">
        <v>68</v>
      </c>
      <c r="U7" s="2" t="s">
        <v>67</v>
      </c>
      <c r="V7" s="2" t="s">
        <v>61</v>
      </c>
      <c r="W7" s="2" t="s">
        <v>68</v>
      </c>
      <c r="X7" s="2" t="s">
        <v>61</v>
      </c>
      <c r="Y7" s="2" t="s">
        <v>61</v>
      </c>
      <c r="Z7" s="2" t="s">
        <v>61</v>
      </c>
      <c r="AA7" s="2" t="s">
        <v>68</v>
      </c>
      <c r="AB7" s="2" t="s">
        <v>67</v>
      </c>
      <c r="AC7" s="2" t="s">
        <v>61</v>
      </c>
      <c r="AD7" s="2" t="s">
        <v>67</v>
      </c>
      <c r="AE7" s="2" t="s">
        <v>61</v>
      </c>
      <c r="AF7" s="2" t="s">
        <v>67</v>
      </c>
      <c r="AG7" s="2" t="s">
        <v>61</v>
      </c>
      <c r="AH7" s="2" t="s">
        <v>78</v>
      </c>
      <c r="AI7" s="2" t="s">
        <v>61</v>
      </c>
      <c r="AJ7" s="2" t="s">
        <v>78</v>
      </c>
      <c r="AK7" s="2" t="s">
        <v>62</v>
      </c>
      <c r="AL7" s="2" t="s">
        <v>63</v>
      </c>
      <c r="AM7" s="2" t="s">
        <v>62</v>
      </c>
      <c r="AN7" s="2" t="s">
        <v>63</v>
      </c>
      <c r="AO7" s="2" t="s">
        <v>62</v>
      </c>
      <c r="AP7" s="2" t="s">
        <v>63</v>
      </c>
      <c r="AQ7" s="2" t="s">
        <v>73</v>
      </c>
      <c r="AR7" s="2" t="s">
        <v>79</v>
      </c>
      <c r="AS7" s="2" t="s">
        <v>80</v>
      </c>
      <c r="AT7" s="2" t="s">
        <v>62</v>
      </c>
      <c r="AU7" s="2" t="s">
        <v>62</v>
      </c>
      <c r="AV7" s="2" t="s">
        <v>62</v>
      </c>
      <c r="AW7" s="2" t="s">
        <v>62</v>
      </c>
      <c r="AX7" s="2" t="s">
        <v>62</v>
      </c>
      <c r="AY7" s="2" t="s">
        <v>62</v>
      </c>
      <c r="AZ7" s="2" t="s">
        <v>62</v>
      </c>
      <c r="BA7" s="2" t="s">
        <v>62</v>
      </c>
      <c r="BB7" s="3">
        <v>21</v>
      </c>
      <c r="BC7" s="4">
        <v>33420</v>
      </c>
      <c r="BD7" s="4"/>
    </row>
    <row r="8" spans="1:57" x14ac:dyDescent="0.25">
      <c r="A8" s="2" t="s">
        <v>75</v>
      </c>
      <c r="B8" s="2" t="s">
        <v>81</v>
      </c>
      <c r="C8" s="2" t="s">
        <v>82</v>
      </c>
      <c r="D8" s="2"/>
      <c r="E8" s="2" t="s">
        <v>59</v>
      </c>
      <c r="F8" s="3">
        <v>1</v>
      </c>
      <c r="G8" s="2" t="s">
        <v>68</v>
      </c>
      <c r="H8" s="2" t="s">
        <v>61</v>
      </c>
      <c r="I8" s="2" t="s">
        <v>78</v>
      </c>
      <c r="J8" s="2" t="s">
        <v>61</v>
      </c>
      <c r="K8" s="2" t="s">
        <v>67</v>
      </c>
      <c r="L8" s="2" t="s">
        <v>61</v>
      </c>
      <c r="M8" s="2" t="s">
        <v>78</v>
      </c>
      <c r="N8" s="2" t="s">
        <v>68</v>
      </c>
      <c r="O8" s="2" t="s">
        <v>61</v>
      </c>
      <c r="P8" s="2" t="s">
        <v>67</v>
      </c>
      <c r="Q8" s="2" t="s">
        <v>61</v>
      </c>
      <c r="R8" s="2" t="s">
        <v>67</v>
      </c>
      <c r="S8" s="2" t="s">
        <v>67</v>
      </c>
      <c r="T8" s="2" t="s">
        <v>61</v>
      </c>
      <c r="U8" s="2" t="s">
        <v>68</v>
      </c>
      <c r="V8" s="2" t="s">
        <v>68</v>
      </c>
      <c r="W8" s="2" t="s">
        <v>61</v>
      </c>
      <c r="X8" s="2" t="s">
        <v>61</v>
      </c>
      <c r="Y8" s="2" t="s">
        <v>68</v>
      </c>
      <c r="Z8" s="2" t="s">
        <v>67</v>
      </c>
      <c r="AA8" s="2" t="s">
        <v>61</v>
      </c>
      <c r="AB8" s="2" t="s">
        <v>61</v>
      </c>
      <c r="AC8" s="2" t="s">
        <v>67</v>
      </c>
      <c r="AD8" s="2" t="s">
        <v>61</v>
      </c>
      <c r="AE8" s="2" t="s">
        <v>61</v>
      </c>
      <c r="AF8" s="2" t="s">
        <v>61</v>
      </c>
      <c r="AG8" s="2" t="s">
        <v>69</v>
      </c>
      <c r="AH8" s="2" t="s">
        <v>61</v>
      </c>
      <c r="AI8" s="2" t="s">
        <v>61</v>
      </c>
      <c r="AJ8" s="2" t="s">
        <v>67</v>
      </c>
      <c r="AK8" s="2" t="s">
        <v>62</v>
      </c>
      <c r="AL8" s="2" t="s">
        <v>63</v>
      </c>
      <c r="AM8" s="2" t="s">
        <v>62</v>
      </c>
      <c r="AN8" s="2" t="s">
        <v>63</v>
      </c>
      <c r="AO8" s="2" t="s">
        <v>62</v>
      </c>
      <c r="AP8" s="2" t="s">
        <v>63</v>
      </c>
      <c r="AQ8" s="2" t="s">
        <v>83</v>
      </c>
      <c r="AR8" s="2" t="s">
        <v>84</v>
      </c>
      <c r="AS8" s="2" t="s">
        <v>74</v>
      </c>
      <c r="AT8" s="2" t="s">
        <v>62</v>
      </c>
      <c r="AU8" s="2" t="s">
        <v>62</v>
      </c>
      <c r="AV8" s="2" t="s">
        <v>62</v>
      </c>
      <c r="AW8" s="2" t="s">
        <v>62</v>
      </c>
      <c r="AX8" s="2" t="s">
        <v>62</v>
      </c>
      <c r="AY8" s="2" t="s">
        <v>62</v>
      </c>
      <c r="AZ8" s="2" t="s">
        <v>62</v>
      </c>
      <c r="BA8" s="2" t="s">
        <v>85</v>
      </c>
      <c r="BB8" s="3">
        <v>21</v>
      </c>
      <c r="BC8" s="4">
        <v>44287</v>
      </c>
      <c r="BD8" s="4"/>
    </row>
    <row r="9" spans="1:57" x14ac:dyDescent="0.25">
      <c r="A9" s="2" t="s">
        <v>75</v>
      </c>
      <c r="B9" s="2" t="s">
        <v>81</v>
      </c>
      <c r="C9" s="2" t="s">
        <v>82</v>
      </c>
      <c r="D9" s="2"/>
      <c r="E9" s="2" t="s">
        <v>64</v>
      </c>
      <c r="F9" s="3">
        <v>1</v>
      </c>
      <c r="G9" s="2" t="s">
        <v>68</v>
      </c>
      <c r="H9" s="2" t="s">
        <v>61</v>
      </c>
      <c r="I9" s="2" t="s">
        <v>78</v>
      </c>
      <c r="J9" s="2" t="s">
        <v>61</v>
      </c>
      <c r="K9" s="2" t="s">
        <v>67</v>
      </c>
      <c r="L9" s="2" t="s">
        <v>61</v>
      </c>
      <c r="M9" s="2" t="s">
        <v>78</v>
      </c>
      <c r="N9" s="2" t="s">
        <v>68</v>
      </c>
      <c r="O9" s="2" t="s">
        <v>61</v>
      </c>
      <c r="P9" s="2" t="s">
        <v>67</v>
      </c>
      <c r="Q9" s="2" t="s">
        <v>61</v>
      </c>
      <c r="R9" s="2" t="s">
        <v>67</v>
      </c>
      <c r="S9" s="2" t="s">
        <v>67</v>
      </c>
      <c r="T9" s="2" t="s">
        <v>61</v>
      </c>
      <c r="U9" s="2" t="s">
        <v>68</v>
      </c>
      <c r="V9" s="2" t="s">
        <v>67</v>
      </c>
      <c r="W9" s="2" t="s">
        <v>61</v>
      </c>
      <c r="X9" s="2" t="s">
        <v>61</v>
      </c>
      <c r="Y9" s="2" t="s">
        <v>68</v>
      </c>
      <c r="Z9" s="2" t="s">
        <v>67</v>
      </c>
      <c r="AA9" s="2" t="s">
        <v>61</v>
      </c>
      <c r="AB9" s="2" t="s">
        <v>61</v>
      </c>
      <c r="AC9" s="2" t="s">
        <v>67</v>
      </c>
      <c r="AD9" s="2" t="s">
        <v>61</v>
      </c>
      <c r="AE9" s="2" t="s">
        <v>61</v>
      </c>
      <c r="AF9" s="2" t="s">
        <v>61</v>
      </c>
      <c r="AG9" s="2" t="s">
        <v>69</v>
      </c>
      <c r="AH9" s="2" t="s">
        <v>61</v>
      </c>
      <c r="AI9" s="2" t="s">
        <v>61</v>
      </c>
      <c r="AJ9" s="2" t="s">
        <v>67</v>
      </c>
      <c r="AK9" s="2" t="s">
        <v>62</v>
      </c>
      <c r="AL9" s="2" t="s">
        <v>63</v>
      </c>
      <c r="AM9" s="2" t="s">
        <v>62</v>
      </c>
      <c r="AN9" s="2" t="s">
        <v>63</v>
      </c>
      <c r="AO9" s="2" t="s">
        <v>62</v>
      </c>
      <c r="AP9" s="2" t="s">
        <v>63</v>
      </c>
      <c r="AQ9" s="2" t="s">
        <v>86</v>
      </c>
      <c r="AR9" s="2" t="s">
        <v>84</v>
      </c>
      <c r="AS9" s="2" t="s">
        <v>87</v>
      </c>
      <c r="AT9" s="2" t="s">
        <v>62</v>
      </c>
      <c r="AU9" s="2" t="s">
        <v>62</v>
      </c>
      <c r="AV9" s="2" t="s">
        <v>62</v>
      </c>
      <c r="AW9" s="2" t="s">
        <v>62</v>
      </c>
      <c r="AX9" s="2" t="s">
        <v>62</v>
      </c>
      <c r="AY9" s="2" t="s">
        <v>62</v>
      </c>
      <c r="AZ9" s="2" t="s">
        <v>62</v>
      </c>
      <c r="BA9" s="2" t="s">
        <v>88</v>
      </c>
      <c r="BB9" s="3">
        <v>21</v>
      </c>
      <c r="BC9" s="4">
        <v>44287</v>
      </c>
      <c r="BD9" s="4"/>
    </row>
    <row r="10" spans="1:57" x14ac:dyDescent="0.25">
      <c r="A10" s="2" t="s">
        <v>61</v>
      </c>
      <c r="B10" s="2" t="s">
        <v>89</v>
      </c>
      <c r="C10" s="2" t="s">
        <v>90</v>
      </c>
      <c r="D10" s="2"/>
      <c r="E10" s="2" t="s">
        <v>59</v>
      </c>
      <c r="F10" s="3">
        <v>1</v>
      </c>
      <c r="G10" s="2" t="s">
        <v>61</v>
      </c>
      <c r="H10" s="2" t="s">
        <v>68</v>
      </c>
      <c r="I10" s="2" t="s">
        <v>67</v>
      </c>
      <c r="J10" s="2" t="s">
        <v>67</v>
      </c>
      <c r="K10" s="2" t="s">
        <v>61</v>
      </c>
      <c r="L10" s="2" t="s">
        <v>61</v>
      </c>
      <c r="M10" s="2" t="s">
        <v>61</v>
      </c>
      <c r="N10" s="2" t="s">
        <v>67</v>
      </c>
      <c r="O10" s="2" t="s">
        <v>61</v>
      </c>
      <c r="P10" s="2" t="s">
        <v>68</v>
      </c>
      <c r="Q10" s="2" t="s">
        <v>67</v>
      </c>
      <c r="R10" s="2" t="s">
        <v>61</v>
      </c>
      <c r="S10" s="2" t="s">
        <v>69</v>
      </c>
      <c r="T10" s="2" t="s">
        <v>61</v>
      </c>
      <c r="U10" s="2" t="s">
        <v>61</v>
      </c>
      <c r="V10" s="2" t="s">
        <v>61</v>
      </c>
      <c r="W10" s="2" t="s">
        <v>78</v>
      </c>
      <c r="X10" s="2" t="s">
        <v>68</v>
      </c>
      <c r="Y10" s="2" t="s">
        <v>67</v>
      </c>
      <c r="Z10" s="2" t="s">
        <v>61</v>
      </c>
      <c r="AA10" s="2" t="s">
        <v>61</v>
      </c>
      <c r="AB10" s="2" t="s">
        <v>68</v>
      </c>
      <c r="AC10" s="2" t="s">
        <v>68</v>
      </c>
      <c r="AD10" s="2" t="s">
        <v>61</v>
      </c>
      <c r="AE10" s="2" t="s">
        <v>61</v>
      </c>
      <c r="AF10" s="2" t="s">
        <v>61</v>
      </c>
      <c r="AG10" s="2" t="s">
        <v>78</v>
      </c>
      <c r="AH10" s="2" t="s">
        <v>67</v>
      </c>
      <c r="AI10" s="2" t="s">
        <v>61</v>
      </c>
      <c r="AJ10" s="2" t="s">
        <v>68</v>
      </c>
      <c r="AK10" s="2" t="s">
        <v>62</v>
      </c>
      <c r="AL10" s="2" t="s">
        <v>63</v>
      </c>
      <c r="AM10" s="2" t="s">
        <v>62</v>
      </c>
      <c r="AN10" s="2" t="s">
        <v>63</v>
      </c>
      <c r="AO10" s="2" t="s">
        <v>62</v>
      </c>
      <c r="AP10" s="2" t="s">
        <v>63</v>
      </c>
      <c r="AQ10" s="2" t="s">
        <v>73</v>
      </c>
      <c r="AR10" s="2" t="s">
        <v>91</v>
      </c>
      <c r="AS10" s="2" t="s">
        <v>92</v>
      </c>
      <c r="AT10" s="2" t="s">
        <v>62</v>
      </c>
      <c r="AU10" s="2" t="s">
        <v>62</v>
      </c>
      <c r="AV10" s="2" t="s">
        <v>62</v>
      </c>
      <c r="AW10" s="2" t="s">
        <v>62</v>
      </c>
      <c r="AX10" s="2" t="s">
        <v>62</v>
      </c>
      <c r="AY10" s="2" t="s">
        <v>62</v>
      </c>
      <c r="AZ10" s="2" t="s">
        <v>62</v>
      </c>
      <c r="BA10" s="2" t="s">
        <v>88</v>
      </c>
      <c r="BB10" s="3">
        <v>21</v>
      </c>
      <c r="BC10" s="4">
        <v>45383</v>
      </c>
      <c r="BD10" s="4"/>
    </row>
    <row r="11" spans="1:57" x14ac:dyDescent="0.25">
      <c r="A11" s="2" t="s">
        <v>61</v>
      </c>
      <c r="B11" s="2" t="s">
        <v>89</v>
      </c>
      <c r="C11" s="2" t="s">
        <v>90</v>
      </c>
      <c r="D11" s="2"/>
      <c r="E11" s="2" t="s">
        <v>64</v>
      </c>
      <c r="F11" s="3">
        <v>1</v>
      </c>
      <c r="G11" s="2" t="s">
        <v>61</v>
      </c>
      <c r="H11" s="2" t="s">
        <v>68</v>
      </c>
      <c r="I11" s="2" t="s">
        <v>68</v>
      </c>
      <c r="J11" s="2" t="s">
        <v>61</v>
      </c>
      <c r="K11" s="2" t="s">
        <v>61</v>
      </c>
      <c r="L11" s="2" t="s">
        <v>67</v>
      </c>
      <c r="M11" s="2" t="s">
        <v>61</v>
      </c>
      <c r="N11" s="2" t="s">
        <v>67</v>
      </c>
      <c r="O11" s="2" t="s">
        <v>61</v>
      </c>
      <c r="P11" s="2" t="s">
        <v>68</v>
      </c>
      <c r="Q11" s="2" t="s">
        <v>67</v>
      </c>
      <c r="R11" s="2" t="s">
        <v>61</v>
      </c>
      <c r="S11" s="2" t="s">
        <v>69</v>
      </c>
      <c r="T11" s="2" t="s">
        <v>61</v>
      </c>
      <c r="U11" s="2" t="s">
        <v>61</v>
      </c>
      <c r="V11" s="2" t="s">
        <v>61</v>
      </c>
      <c r="W11" s="2" t="s">
        <v>78</v>
      </c>
      <c r="X11" s="2" t="s">
        <v>68</v>
      </c>
      <c r="Y11" s="2" t="s">
        <v>67</v>
      </c>
      <c r="Z11" s="2" t="s">
        <v>61</v>
      </c>
      <c r="AA11" s="2" t="s">
        <v>61</v>
      </c>
      <c r="AB11" s="2" t="s">
        <v>68</v>
      </c>
      <c r="AC11" s="2" t="s">
        <v>68</v>
      </c>
      <c r="AD11" s="2" t="s">
        <v>61</v>
      </c>
      <c r="AE11" s="2" t="s">
        <v>61</v>
      </c>
      <c r="AF11" s="2" t="s">
        <v>61</v>
      </c>
      <c r="AG11" s="2" t="s">
        <v>78</v>
      </c>
      <c r="AH11" s="2" t="s">
        <v>67</v>
      </c>
      <c r="AI11" s="2" t="s">
        <v>61</v>
      </c>
      <c r="AJ11" s="2" t="s">
        <v>68</v>
      </c>
      <c r="AK11" s="2" t="s">
        <v>62</v>
      </c>
      <c r="AL11" s="2" t="s">
        <v>63</v>
      </c>
      <c r="AM11" s="2" t="s">
        <v>62</v>
      </c>
      <c r="AN11" s="2" t="s">
        <v>63</v>
      </c>
      <c r="AO11" s="2" t="s">
        <v>62</v>
      </c>
      <c r="AP11" s="2" t="s">
        <v>63</v>
      </c>
      <c r="AQ11" s="2" t="s">
        <v>70</v>
      </c>
      <c r="AR11" s="2" t="s">
        <v>91</v>
      </c>
      <c r="AS11" s="2" t="s">
        <v>93</v>
      </c>
      <c r="AT11" s="2" t="s">
        <v>62</v>
      </c>
      <c r="AU11" s="2" t="s">
        <v>62</v>
      </c>
      <c r="AV11" s="2" t="s">
        <v>62</v>
      </c>
      <c r="AW11" s="2" t="s">
        <v>62</v>
      </c>
      <c r="AX11" s="2" t="s">
        <v>62</v>
      </c>
      <c r="AY11" s="2" t="s">
        <v>62</v>
      </c>
      <c r="AZ11" s="2" t="s">
        <v>62</v>
      </c>
      <c r="BA11" s="2" t="s">
        <v>88</v>
      </c>
      <c r="BB11" s="3">
        <v>21</v>
      </c>
      <c r="BC11" s="4">
        <v>45383</v>
      </c>
      <c r="BD11" s="4"/>
    </row>
    <row r="12" spans="1:57" x14ac:dyDescent="0.25">
      <c r="A12" s="2"/>
      <c r="B12" s="2"/>
      <c r="C12" s="2"/>
      <c r="D12" s="2"/>
      <c r="E12" s="2"/>
      <c r="F12" s="3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3"/>
      <c r="BC12" s="4"/>
      <c r="BD12" s="4"/>
    </row>
    <row r="13" spans="1:57" x14ac:dyDescent="0.25">
      <c r="A13" s="2"/>
      <c r="B13" s="2"/>
      <c r="C13" s="2"/>
      <c r="D13" s="2"/>
      <c r="E13" s="2"/>
      <c r="F13" s="3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3"/>
      <c r="BC13" s="4"/>
      <c r="BD13" s="4"/>
    </row>
    <row r="14" spans="1:57" x14ac:dyDescent="0.25">
      <c r="A14" s="2"/>
      <c r="B14" s="2"/>
      <c r="C14" s="2"/>
      <c r="D14" s="2"/>
      <c r="E14" s="2"/>
      <c r="F14" s="3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  <c r="AB14" s="2"/>
      <c r="AC14" s="2"/>
      <c r="AD14" s="2"/>
      <c r="AE14" s="2"/>
      <c r="AF14" s="2"/>
      <c r="AG14" s="2"/>
      <c r="AH14" s="2"/>
      <c r="AI14" s="2"/>
      <c r="AJ14" s="2"/>
      <c r="AK14" s="2"/>
      <c r="AL14" s="2"/>
      <c r="AM14" s="2"/>
      <c r="AN14" s="2"/>
      <c r="AO14" s="2"/>
      <c r="AP14" s="2"/>
      <c r="AQ14" s="2"/>
      <c r="AR14" s="2"/>
      <c r="AS14" s="2"/>
      <c r="AT14" s="2"/>
      <c r="AU14" s="2"/>
      <c r="AV14" s="2"/>
      <c r="AW14" s="2"/>
      <c r="AX14" s="2"/>
      <c r="AY14" s="2"/>
      <c r="AZ14" s="2"/>
      <c r="BA14" s="2"/>
      <c r="BB14" s="3"/>
      <c r="BC14" s="4"/>
      <c r="BD14" s="4"/>
    </row>
    <row r="15" spans="1:57" x14ac:dyDescent="0.25">
      <c r="A15" s="2"/>
      <c r="B15" s="2"/>
      <c r="C15" s="2"/>
      <c r="D15" s="2"/>
      <c r="E15" s="2"/>
      <c r="F15" s="3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G15" s="2"/>
      <c r="AH15" s="2"/>
      <c r="AI15" s="2"/>
      <c r="AJ15" s="2"/>
      <c r="AK15" s="2"/>
      <c r="AL15" s="2"/>
      <c r="AM15" s="2"/>
      <c r="AN15" s="2"/>
      <c r="AO15" s="2"/>
      <c r="AP15" s="2"/>
      <c r="AQ15" s="2"/>
      <c r="AR15" s="2"/>
      <c r="AS15" s="2"/>
      <c r="AT15" s="2"/>
      <c r="AU15" s="2"/>
      <c r="AV15" s="2"/>
      <c r="AW15" s="2"/>
      <c r="AX15" s="2"/>
      <c r="AY15" s="2"/>
      <c r="AZ15" s="2"/>
      <c r="BA15" s="2"/>
      <c r="BB15" s="3"/>
      <c r="BC15" s="4"/>
      <c r="BD15" s="4"/>
    </row>
    <row r="16" spans="1:57" x14ac:dyDescent="0.25">
      <c r="A16" s="2"/>
      <c r="B16" s="2"/>
      <c r="C16" s="2"/>
      <c r="D16" s="2"/>
      <c r="E16" s="2"/>
      <c r="F16" s="3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2"/>
      <c r="AC16" s="2"/>
      <c r="AD16" s="2"/>
      <c r="AE16" s="2"/>
      <c r="AF16" s="2"/>
      <c r="AG16" s="2"/>
      <c r="AH16" s="2"/>
      <c r="AI16" s="2"/>
      <c r="AJ16" s="2"/>
      <c r="AK16" s="2"/>
      <c r="AL16" s="2"/>
      <c r="AM16" s="2"/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3"/>
      <c r="BC16" s="4"/>
      <c r="BD16" s="4"/>
    </row>
    <row r="17" spans="1:56" x14ac:dyDescent="0.25">
      <c r="A17" s="2"/>
      <c r="B17" s="2"/>
      <c r="C17" s="2"/>
      <c r="D17" s="2"/>
      <c r="E17" s="2"/>
      <c r="F17" s="3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  <c r="AA17" s="2"/>
      <c r="AB17" s="2"/>
      <c r="AC17" s="2"/>
      <c r="AD17" s="2"/>
      <c r="AE17" s="2"/>
      <c r="AF17" s="2"/>
      <c r="AG17" s="2"/>
      <c r="AH17" s="2"/>
      <c r="AI17" s="2"/>
      <c r="AJ17" s="2"/>
      <c r="AK17" s="2"/>
      <c r="AL17" s="2"/>
      <c r="AM17" s="2"/>
      <c r="AN17" s="2"/>
      <c r="AO17" s="2"/>
      <c r="AP17" s="2"/>
      <c r="AQ17" s="2"/>
      <c r="AR17" s="2"/>
      <c r="AS17" s="2"/>
      <c r="AT17" s="2"/>
      <c r="AU17" s="2"/>
      <c r="AV17" s="2"/>
      <c r="AW17" s="2"/>
      <c r="AX17" s="2"/>
      <c r="AY17" s="2"/>
      <c r="AZ17" s="2"/>
      <c r="BA17" s="2"/>
      <c r="BB17" s="3"/>
      <c r="BC17" s="4"/>
      <c r="BD17" s="4"/>
    </row>
    <row r="18" spans="1:56" x14ac:dyDescent="0.25">
      <c r="A18" s="2"/>
      <c r="B18" s="2"/>
      <c r="C18" s="2"/>
      <c r="D18" s="2"/>
      <c r="E18" s="2"/>
      <c r="F18" s="3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I18" s="2"/>
      <c r="AJ18" s="2"/>
      <c r="AK18" s="2"/>
      <c r="AL18" s="2"/>
      <c r="AM18" s="2"/>
      <c r="AN18" s="2"/>
      <c r="AO18" s="2"/>
      <c r="AP18" s="2"/>
      <c r="AQ18" s="2"/>
      <c r="AR18" s="2"/>
      <c r="AS18" s="2"/>
      <c r="AT18" s="2"/>
      <c r="AU18" s="2"/>
      <c r="AV18" s="2"/>
      <c r="AW18" s="2"/>
      <c r="AX18" s="2"/>
      <c r="AY18" s="2"/>
      <c r="AZ18" s="2"/>
      <c r="BA18" s="2"/>
      <c r="BB18" s="3"/>
      <c r="BC18" s="4"/>
      <c r="BD18" s="4"/>
    </row>
    <row r="19" spans="1:56" x14ac:dyDescent="0.25">
      <c r="A19" s="2"/>
      <c r="B19" s="2"/>
      <c r="C19" s="2"/>
      <c r="D19" s="2"/>
      <c r="E19" s="2"/>
      <c r="F19" s="3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W19" s="2"/>
      <c r="X19" s="2"/>
      <c r="Y19" s="2"/>
      <c r="Z19" s="2"/>
      <c r="AA19" s="2"/>
      <c r="AB19" s="2"/>
      <c r="AC19" s="2"/>
      <c r="AD19" s="2"/>
      <c r="AE19" s="2"/>
      <c r="AF19" s="2"/>
      <c r="AG19" s="2"/>
      <c r="AH19" s="2"/>
      <c r="AI19" s="2"/>
      <c r="AJ19" s="2"/>
      <c r="AK19" s="2"/>
      <c r="AL19" s="2"/>
      <c r="AM19" s="2"/>
      <c r="AN19" s="2"/>
      <c r="AO19" s="2"/>
      <c r="AP19" s="2"/>
      <c r="AQ19" s="2"/>
      <c r="AR19" s="2"/>
      <c r="AS19" s="2"/>
      <c r="AT19" s="2"/>
      <c r="AU19" s="2"/>
      <c r="AV19" s="2"/>
      <c r="AW19" s="2"/>
      <c r="AX19" s="2"/>
      <c r="AY19" s="2"/>
      <c r="AZ19" s="2"/>
      <c r="BA19" s="2"/>
      <c r="BB19" s="3"/>
      <c r="BC19" s="4"/>
      <c r="BD19" s="4"/>
    </row>
    <row r="20" spans="1:56" x14ac:dyDescent="0.25">
      <c r="A20" s="2"/>
      <c r="B20" s="2"/>
      <c r="C20" s="2"/>
      <c r="D20" s="2"/>
      <c r="E20" s="2"/>
      <c r="F20" s="3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  <c r="AA20" s="2"/>
      <c r="AB20" s="2"/>
      <c r="AC20" s="2"/>
      <c r="AD20" s="2"/>
      <c r="AE20" s="2"/>
      <c r="AF20" s="2"/>
      <c r="AG20" s="2"/>
      <c r="AH20" s="2"/>
      <c r="AI20" s="2"/>
      <c r="AJ20" s="2"/>
      <c r="AK20" s="2"/>
      <c r="AL20" s="2"/>
      <c r="AM20" s="2"/>
      <c r="AN20" s="2"/>
      <c r="AO20" s="2"/>
      <c r="AP20" s="2"/>
      <c r="AQ20" s="2"/>
      <c r="AR20" s="2"/>
      <c r="AS20" s="2"/>
      <c r="AT20" s="2"/>
      <c r="AU20" s="2"/>
      <c r="AV20" s="2"/>
      <c r="AW20" s="2"/>
      <c r="AX20" s="2"/>
      <c r="AY20" s="2"/>
      <c r="AZ20" s="2"/>
      <c r="BA20" s="2"/>
      <c r="BB20" s="3"/>
      <c r="BC20" s="4"/>
      <c r="BD20" s="4"/>
    </row>
    <row r="21" spans="1:56" x14ac:dyDescent="0.25">
      <c r="A21" s="2"/>
      <c r="B21" s="2"/>
      <c r="C21" s="2"/>
      <c r="D21" s="2"/>
      <c r="E21" s="2"/>
      <c r="F21" s="3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2"/>
      <c r="AC21" s="2"/>
      <c r="AD21" s="2"/>
      <c r="AE21" s="2"/>
      <c r="AF21" s="2"/>
      <c r="AG21" s="2"/>
      <c r="AH21" s="2"/>
      <c r="AI21" s="2"/>
      <c r="AJ21" s="2"/>
      <c r="AK21" s="2"/>
      <c r="AL21" s="2"/>
      <c r="AM21" s="2"/>
      <c r="AN21" s="2"/>
      <c r="AO21" s="2"/>
      <c r="AP21" s="2"/>
      <c r="AQ21" s="2"/>
      <c r="AR21" s="2"/>
      <c r="AS21" s="2"/>
      <c r="AT21" s="2"/>
      <c r="AU21" s="2"/>
      <c r="AV21" s="2"/>
      <c r="AW21" s="2"/>
      <c r="AX21" s="2"/>
      <c r="AY21" s="2"/>
      <c r="AZ21" s="2"/>
      <c r="BA21" s="2"/>
      <c r="BB21" s="3"/>
      <c r="BC21" s="4"/>
      <c r="BD21" s="4"/>
    </row>
    <row r="22" spans="1:56" x14ac:dyDescent="0.25">
      <c r="A22" s="2"/>
      <c r="B22" s="2"/>
      <c r="C22" s="2"/>
      <c r="D22" s="2"/>
      <c r="E22" s="2"/>
      <c r="F22" s="3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"/>
      <c r="AG22" s="2"/>
      <c r="AH22" s="2"/>
      <c r="AI22" s="2"/>
      <c r="AJ22" s="2"/>
      <c r="AK22" s="2"/>
      <c r="AL22" s="2"/>
      <c r="AM22" s="2"/>
      <c r="AN22" s="2"/>
      <c r="AO22" s="2"/>
      <c r="AP22" s="2"/>
      <c r="AQ22" s="2"/>
      <c r="AR22" s="2"/>
      <c r="AS22" s="2"/>
      <c r="AT22" s="2"/>
      <c r="AU22" s="2"/>
      <c r="AV22" s="2"/>
      <c r="AW22" s="2"/>
      <c r="AX22" s="2"/>
      <c r="AY22" s="2"/>
      <c r="AZ22" s="2"/>
      <c r="BA22" s="2"/>
      <c r="BB22" s="3"/>
      <c r="BC22" s="4"/>
      <c r="BD22" s="4"/>
    </row>
    <row r="23" spans="1:56" x14ac:dyDescent="0.25">
      <c r="A23" s="2"/>
      <c r="B23" s="2"/>
      <c r="C23" s="2"/>
      <c r="D23" s="2"/>
      <c r="E23" s="2"/>
      <c r="F23" s="3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  <c r="AA23" s="2"/>
      <c r="AB23" s="2"/>
      <c r="AC23" s="2"/>
      <c r="AD23" s="2"/>
      <c r="AE23" s="2"/>
      <c r="AF23" s="2"/>
      <c r="AG23" s="2"/>
      <c r="AH23" s="2"/>
      <c r="AI23" s="2"/>
      <c r="AJ23" s="2"/>
      <c r="AK23" s="2"/>
      <c r="AL23" s="2"/>
      <c r="AM23" s="2"/>
      <c r="AN23" s="2"/>
      <c r="AO23" s="2"/>
      <c r="AP23" s="2"/>
      <c r="AQ23" s="2"/>
      <c r="AR23" s="2"/>
      <c r="AS23" s="2"/>
      <c r="AT23" s="2"/>
      <c r="AU23" s="2"/>
      <c r="AV23" s="2"/>
      <c r="AW23" s="2"/>
      <c r="AX23" s="2"/>
      <c r="AY23" s="2"/>
      <c r="AZ23" s="2"/>
      <c r="BA23" s="2"/>
      <c r="BB23" s="3"/>
      <c r="BC23" s="4"/>
      <c r="BD23" s="4"/>
    </row>
    <row r="24" spans="1:56" x14ac:dyDescent="0.25">
      <c r="A24" s="2"/>
      <c r="B24" s="2"/>
      <c r="C24" s="2"/>
      <c r="D24" s="2"/>
      <c r="E24" s="2"/>
      <c r="F24" s="3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  <c r="AA24" s="2"/>
      <c r="AB24" s="2"/>
      <c r="AC24" s="2"/>
      <c r="AD24" s="2"/>
      <c r="AE24" s="2"/>
      <c r="AF24" s="2"/>
      <c r="AG24" s="2"/>
      <c r="AH24" s="2"/>
      <c r="AI24" s="2"/>
      <c r="AJ24" s="2"/>
      <c r="AK24" s="2"/>
      <c r="AL24" s="2"/>
      <c r="AM24" s="2"/>
      <c r="AN24" s="2"/>
      <c r="AO24" s="2"/>
      <c r="AP24" s="2"/>
      <c r="AQ24" s="2"/>
      <c r="AR24" s="2"/>
      <c r="AS24" s="2"/>
      <c r="AT24" s="2"/>
      <c r="AU24" s="2"/>
      <c r="AV24" s="2"/>
      <c r="AW24" s="2"/>
      <c r="AX24" s="2"/>
      <c r="AY24" s="2"/>
      <c r="AZ24" s="2"/>
      <c r="BA24" s="2"/>
      <c r="BB24" s="3"/>
      <c r="BC24" s="4"/>
      <c r="BD24" s="4"/>
    </row>
    <row r="25" spans="1:56" x14ac:dyDescent="0.25">
      <c r="A25" s="2"/>
      <c r="B25" s="2"/>
      <c r="C25" s="2"/>
      <c r="D25" s="2"/>
      <c r="E25" s="2"/>
      <c r="F25" s="3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  <c r="AC25" s="2"/>
      <c r="AD25" s="2"/>
      <c r="AE25" s="2"/>
      <c r="AF25" s="2"/>
      <c r="AG25" s="2"/>
      <c r="AH25" s="2"/>
      <c r="AI25" s="2"/>
      <c r="AJ25" s="2"/>
      <c r="AK25" s="2"/>
      <c r="AL25" s="2"/>
      <c r="AM25" s="2"/>
      <c r="AN25" s="2"/>
      <c r="AO25" s="2"/>
      <c r="AP25" s="2"/>
      <c r="AQ25" s="2"/>
      <c r="AR25" s="2"/>
      <c r="AS25" s="2"/>
      <c r="AT25" s="2"/>
      <c r="AU25" s="2"/>
      <c r="AV25" s="2"/>
      <c r="AW25" s="2"/>
      <c r="AX25" s="2"/>
      <c r="AY25" s="2"/>
      <c r="AZ25" s="2"/>
      <c r="BA25" s="2"/>
      <c r="BB25" s="3"/>
      <c r="BC25" s="4"/>
      <c r="BD25" s="4"/>
    </row>
    <row r="26" spans="1:56" x14ac:dyDescent="0.25">
      <c r="A26" s="2"/>
      <c r="B26" s="2"/>
      <c r="C26" s="2"/>
      <c r="D26" s="2"/>
      <c r="E26" s="2"/>
      <c r="F26" s="3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  <c r="AR26" s="2"/>
      <c r="AS26" s="2"/>
      <c r="AT26" s="2"/>
      <c r="AU26" s="2"/>
      <c r="AV26" s="2"/>
      <c r="AW26" s="2"/>
      <c r="AX26" s="2"/>
      <c r="AY26" s="2"/>
      <c r="AZ26" s="2"/>
      <c r="BA26" s="2"/>
      <c r="BB26" s="3"/>
      <c r="BC26" s="4"/>
      <c r="BD26" s="4"/>
    </row>
    <row r="27" spans="1:56" x14ac:dyDescent="0.25">
      <c r="A27" s="2"/>
      <c r="B27" s="2"/>
      <c r="C27" s="2"/>
      <c r="D27" s="2"/>
      <c r="E27" s="2"/>
      <c r="F27" s="3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  <c r="AA27" s="2"/>
      <c r="AB27" s="2"/>
      <c r="AC27" s="2"/>
      <c r="AD27" s="2"/>
      <c r="AE27" s="2"/>
      <c r="AF27" s="2"/>
      <c r="AG27" s="2"/>
      <c r="AH27" s="2"/>
      <c r="AI27" s="2"/>
      <c r="AJ27" s="2"/>
      <c r="AK27" s="2"/>
      <c r="AL27" s="2"/>
      <c r="AM27" s="2"/>
      <c r="AN27" s="2"/>
      <c r="AO27" s="2"/>
      <c r="AP27" s="2"/>
      <c r="AQ27" s="2"/>
      <c r="AR27" s="2"/>
      <c r="AS27" s="2"/>
      <c r="AT27" s="2"/>
      <c r="AU27" s="2"/>
      <c r="AV27" s="2"/>
      <c r="AW27" s="2"/>
      <c r="AX27" s="2"/>
      <c r="AY27" s="2"/>
      <c r="AZ27" s="2"/>
      <c r="BA27" s="2"/>
      <c r="BB27" s="3"/>
      <c r="BC27" s="4"/>
      <c r="BD27" s="4"/>
    </row>
    <row r="28" spans="1:56" x14ac:dyDescent="0.25">
      <c r="A28" s="2"/>
      <c r="B28" s="2"/>
      <c r="C28" s="2"/>
      <c r="D28" s="2"/>
      <c r="E28" s="2"/>
      <c r="F28" s="3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2"/>
      <c r="BA28" s="2"/>
      <c r="BB28" s="3"/>
      <c r="BC28" s="4"/>
      <c r="BD28" s="4"/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acek Kozicki</dc:creator>
  <cp:lastModifiedBy>Stanisława Masłowska</cp:lastModifiedBy>
  <dcterms:created xsi:type="dcterms:W3CDTF">2026-04-23T05:12:53Z</dcterms:created>
  <dcterms:modified xsi:type="dcterms:W3CDTF">2026-04-23T09:39:02Z</dcterms:modified>
</cp:coreProperties>
</file>